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61622341-E20D-457D-ACB6-03744D0A3F73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6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6'!$A$1:$F$39</definedName>
    <definedName name="_xlnm.Print_Titles" localSheetId="0">'16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4" uniqueCount="53">
  <si>
    <t>物件の</t>
    <rPh sb="0" eb="2">
      <t>ブッケン</t>
    </rPh>
    <phoneticPr fontId="1"/>
  </si>
  <si>
    <t>その他</t>
  </si>
  <si>
    <t>債務負担</t>
  </si>
  <si>
    <t>に係るもの</t>
  </si>
  <si>
    <t>Ａ</t>
  </si>
  <si>
    <t>Ｂ</t>
  </si>
  <si>
    <t>Ｃ</t>
  </si>
  <si>
    <t>Ｄ</t>
  </si>
  <si>
    <t>その他</t>
    <phoneticPr fontId="1"/>
  </si>
  <si>
    <t>債務保証又は</t>
    <phoneticPr fontId="1"/>
  </si>
  <si>
    <t>実質的な</t>
    <phoneticPr fontId="1"/>
  </si>
  <si>
    <t>の支出予定額</t>
    <phoneticPr fontId="1"/>
  </si>
  <si>
    <t>購入等</t>
    <phoneticPr fontId="1"/>
  </si>
  <si>
    <t>損失補償</t>
    <phoneticPr fontId="1"/>
  </si>
  <si>
    <t>合計</t>
    <phoneticPr fontId="1"/>
  </si>
  <si>
    <t>に係るもの</t>
    <phoneticPr fontId="1"/>
  </si>
  <si>
    <t>Ａ＋Ｂ</t>
    <phoneticPr fontId="1"/>
  </si>
  <si>
    <t>＋Ｃ＋Ｄ</t>
    <phoneticPr fontId="1"/>
  </si>
  <si>
    <t>横浜市</t>
    <phoneticPr fontId="1"/>
  </si>
  <si>
    <t>鎌倉市</t>
    <phoneticPr fontId="1"/>
  </si>
  <si>
    <t>秦野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葉山町</t>
    <phoneticPr fontId="1"/>
  </si>
  <si>
    <t>寒川町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厚木市</t>
    <phoneticPr fontId="1"/>
  </si>
  <si>
    <t>綾瀬市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令和７年度以降</t>
    <rPh sb="0" eb="2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3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2" fillId="0" borderId="1" xfId="0" applyNumberFormat="1" applyFont="1" applyBorder="1" applyAlignment="1">
      <alignment horizontal="center" vertical="center" shrinkToFit="1"/>
    </xf>
    <xf numFmtId="0" fontId="2" fillId="0" borderId="2" xfId="0" applyNumberFormat="1" applyFont="1" applyBorder="1" applyAlignment="1">
      <alignment horizontal="center" vertical="center" shrinkToFit="1"/>
    </xf>
    <xf numFmtId="0" fontId="2" fillId="0" borderId="0" xfId="0" applyNumberFormat="1" applyFont="1" applyBorder="1" applyAlignment="1">
      <alignment horizontal="center" vertical="center" shrinkToFit="1"/>
    </xf>
    <xf numFmtId="0" fontId="2" fillId="0" borderId="3" xfId="0" applyNumberFormat="1" applyFont="1" applyBorder="1" applyAlignment="1">
      <alignment horizontal="center" vertical="center" shrinkToFit="1"/>
    </xf>
    <xf numFmtId="0" fontId="2" fillId="0" borderId="4" xfId="0" applyNumberFormat="1" applyFont="1" applyBorder="1" applyAlignment="1">
      <alignment horizontal="center" vertical="center" shrinkToFit="1"/>
    </xf>
    <xf numFmtId="0" fontId="2" fillId="0" borderId="4" xfId="0" quotePrefix="1" applyNumberFormat="1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/>
    </xf>
    <xf numFmtId="176" fontId="2" fillId="0" borderId="0" xfId="0" applyNumberFormat="1" applyFont="1" applyAlignment="1">
      <alignment vertical="center" shrinkToFit="1"/>
    </xf>
    <xf numFmtId="0" fontId="2" fillId="0" borderId="6" xfId="0" applyFont="1" applyBorder="1" applyAlignment="1">
      <alignment horizontal="center" vertical="center"/>
    </xf>
    <xf numFmtId="176" fontId="2" fillId="0" borderId="0" xfId="0" applyNumberFormat="1" applyFont="1" applyBorder="1" applyAlignment="1">
      <alignment vertical="center" shrinkToFit="1"/>
    </xf>
    <xf numFmtId="0" fontId="2" fillId="0" borderId="7" xfId="0" applyFont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176" fontId="2" fillId="0" borderId="5" xfId="0" applyNumberFormat="1" applyFont="1" applyBorder="1" applyAlignment="1">
      <alignment vertical="center" shrinkToFit="1"/>
    </xf>
    <xf numFmtId="176" fontId="2" fillId="0" borderId="6" xfId="0" applyNumberFormat="1" applyFont="1" applyBorder="1" applyAlignment="1">
      <alignment vertical="center" shrinkToFit="1"/>
    </xf>
    <xf numFmtId="176" fontId="2" fillId="0" borderId="7" xfId="0" applyNumberFormat="1" applyFont="1" applyBorder="1" applyAlignment="1">
      <alignment vertical="center" shrinkToFit="1"/>
    </xf>
    <xf numFmtId="176" fontId="2" fillId="2" borderId="8" xfId="0" applyNumberFormat="1" applyFont="1" applyFill="1" applyBorder="1" applyAlignment="1">
      <alignment vertical="center" shrinkToFit="1"/>
    </xf>
    <xf numFmtId="0" fontId="2" fillId="0" borderId="9" xfId="0" applyFont="1" applyBorder="1" applyAlignment="1">
      <alignment horizontal="center" vertical="center"/>
    </xf>
    <xf numFmtId="176" fontId="2" fillId="0" borderId="9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G39"/>
  <sheetViews>
    <sheetView tabSelected="1" zoomScaleNormal="100" zoomScaleSheetLayoutView="100" workbookViewId="0"/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2"/>
      <c r="C1" s="2"/>
      <c r="D1" s="2"/>
      <c r="E1" s="2" t="s">
        <v>8</v>
      </c>
      <c r="F1" s="2" t="s">
        <v>52</v>
      </c>
    </row>
    <row r="2" spans="1:7" s="3" customFormat="1" ht="17.25" customHeight="1">
      <c r="A2" s="4"/>
      <c r="B2" s="4" t="s">
        <v>0</v>
      </c>
      <c r="C2" s="4" t="s">
        <v>9</v>
      </c>
      <c r="D2" s="4"/>
      <c r="E2" s="4" t="s">
        <v>10</v>
      </c>
      <c r="F2" s="4" t="s">
        <v>11</v>
      </c>
    </row>
    <row r="3" spans="1:7" s="3" customFormat="1" ht="17.25" customHeight="1">
      <c r="A3" s="4"/>
      <c r="B3" s="4" t="s">
        <v>12</v>
      </c>
      <c r="C3" s="4" t="s">
        <v>13</v>
      </c>
      <c r="D3" s="4" t="s">
        <v>1</v>
      </c>
      <c r="E3" s="4" t="s">
        <v>2</v>
      </c>
      <c r="F3" s="4" t="s">
        <v>14</v>
      </c>
    </row>
    <row r="4" spans="1:7" s="3" customFormat="1" ht="17.25" customHeight="1">
      <c r="A4" s="4"/>
      <c r="B4" s="4" t="s">
        <v>15</v>
      </c>
      <c r="C4" s="4" t="s">
        <v>15</v>
      </c>
      <c r="D4" s="4"/>
      <c r="E4" s="4" t="s">
        <v>3</v>
      </c>
      <c r="F4" s="4" t="s">
        <v>16</v>
      </c>
    </row>
    <row r="5" spans="1:7" s="3" customFormat="1" ht="17.25" customHeight="1">
      <c r="A5" s="5"/>
      <c r="B5" s="5" t="s">
        <v>4</v>
      </c>
      <c r="C5" s="6" t="s">
        <v>5</v>
      </c>
      <c r="D5" s="5" t="s">
        <v>6</v>
      </c>
      <c r="E5" s="5" t="s">
        <v>7</v>
      </c>
      <c r="F5" s="6" t="s">
        <v>17</v>
      </c>
    </row>
    <row r="6" spans="1:7" ht="17.25" customHeight="1">
      <c r="A6" s="7" t="s">
        <v>18</v>
      </c>
      <c r="B6" s="14">
        <v>488788530</v>
      </c>
      <c r="C6" s="14">
        <v>0</v>
      </c>
      <c r="D6" s="14">
        <v>0</v>
      </c>
      <c r="E6" s="14">
        <v>0</v>
      </c>
      <c r="F6" s="14">
        <v>488788530</v>
      </c>
    </row>
    <row r="7" spans="1:7" s="10" customFormat="1" ht="17.25" customHeight="1">
      <c r="A7" s="9" t="s">
        <v>28</v>
      </c>
      <c r="B7" s="15">
        <v>128368259</v>
      </c>
      <c r="C7" s="15">
        <v>0</v>
      </c>
      <c r="D7" s="15">
        <v>96865784</v>
      </c>
      <c r="E7" s="15">
        <v>0</v>
      </c>
      <c r="F7" s="15">
        <v>225234043</v>
      </c>
      <c r="G7" s="8"/>
    </row>
    <row r="8" spans="1:7" ht="17.25" customHeight="1">
      <c r="A8" s="18" t="s">
        <v>29</v>
      </c>
      <c r="B8" s="19">
        <v>503127</v>
      </c>
      <c r="C8" s="19">
        <v>0</v>
      </c>
      <c r="D8" s="19">
        <v>79366411</v>
      </c>
      <c r="E8" s="19">
        <v>0</v>
      </c>
      <c r="F8" s="15">
        <v>79869538</v>
      </c>
    </row>
    <row r="9" spans="1:7" ht="17.25" customHeight="1">
      <c r="A9" s="9" t="s">
        <v>30</v>
      </c>
      <c r="B9" s="15">
        <v>9971024</v>
      </c>
      <c r="C9" s="15">
        <v>2350000</v>
      </c>
      <c r="D9" s="15">
        <v>26816007</v>
      </c>
      <c r="E9" s="15">
        <v>0</v>
      </c>
      <c r="F9" s="15">
        <v>39137031</v>
      </c>
    </row>
    <row r="10" spans="1:7" s="10" customFormat="1" ht="17.25" customHeight="1">
      <c r="A10" s="9" t="s">
        <v>31</v>
      </c>
      <c r="B10" s="15">
        <v>3024864</v>
      </c>
      <c r="C10" s="15">
        <v>0</v>
      </c>
      <c r="D10" s="15">
        <v>37129113</v>
      </c>
      <c r="E10" s="15">
        <v>0</v>
      </c>
      <c r="F10" s="15">
        <v>40153977</v>
      </c>
      <c r="G10" s="8"/>
    </row>
    <row r="11" spans="1:7" s="10" customFormat="1" ht="17.25" customHeight="1">
      <c r="A11" s="9" t="s">
        <v>19</v>
      </c>
      <c r="B11" s="15">
        <v>14408963</v>
      </c>
      <c r="C11" s="15">
        <v>0</v>
      </c>
      <c r="D11" s="15">
        <v>17993341</v>
      </c>
      <c r="E11" s="15">
        <v>0</v>
      </c>
      <c r="F11" s="15">
        <v>32402304</v>
      </c>
      <c r="G11" s="8"/>
    </row>
    <row r="12" spans="1:7" s="10" customFormat="1" ht="17.25" customHeight="1">
      <c r="A12" s="9" t="s">
        <v>32</v>
      </c>
      <c r="B12" s="15">
        <v>45661514</v>
      </c>
      <c r="C12" s="15">
        <v>0</v>
      </c>
      <c r="D12" s="15">
        <v>0</v>
      </c>
      <c r="E12" s="15">
        <v>0</v>
      </c>
      <c r="F12" s="15">
        <v>45661514</v>
      </c>
      <c r="G12" s="8"/>
    </row>
    <row r="13" spans="1:7" s="10" customFormat="1" ht="17.25" customHeight="1">
      <c r="A13" s="9" t="s">
        <v>33</v>
      </c>
      <c r="B13" s="15">
        <v>3542413</v>
      </c>
      <c r="C13" s="15">
        <v>0</v>
      </c>
      <c r="D13" s="15">
        <v>12731176</v>
      </c>
      <c r="E13" s="15">
        <v>0</v>
      </c>
      <c r="F13" s="15">
        <v>16273589</v>
      </c>
      <c r="G13" s="8"/>
    </row>
    <row r="14" spans="1:7" s="10" customFormat="1" ht="17.25" customHeight="1">
      <c r="A14" s="9" t="s">
        <v>34</v>
      </c>
      <c r="B14" s="15">
        <v>11030330</v>
      </c>
      <c r="C14" s="15">
        <v>0</v>
      </c>
      <c r="D14" s="15">
        <v>23782374</v>
      </c>
      <c r="E14" s="15">
        <v>0</v>
      </c>
      <c r="F14" s="15">
        <v>34812704</v>
      </c>
      <c r="G14" s="8"/>
    </row>
    <row r="15" spans="1:7" s="10" customFormat="1" ht="17.25" customHeight="1">
      <c r="A15" s="9" t="s">
        <v>35</v>
      </c>
      <c r="B15" s="15">
        <v>678567</v>
      </c>
      <c r="C15" s="15">
        <v>0</v>
      </c>
      <c r="D15" s="15">
        <v>467387</v>
      </c>
      <c r="E15" s="15">
        <v>35226</v>
      </c>
      <c r="F15" s="15">
        <v>1181180</v>
      </c>
      <c r="G15" s="8"/>
    </row>
    <row r="16" spans="1:7" s="10" customFormat="1" ht="17.25" customHeight="1">
      <c r="A16" s="9" t="s">
        <v>36</v>
      </c>
      <c r="B16" s="15">
        <v>127456</v>
      </c>
      <c r="C16" s="15">
        <v>0</v>
      </c>
      <c r="D16" s="15">
        <v>2671811</v>
      </c>
      <c r="E16" s="15">
        <v>0</v>
      </c>
      <c r="F16" s="15">
        <v>2799267</v>
      </c>
      <c r="G16" s="8"/>
    </row>
    <row r="17" spans="1:7" s="10" customFormat="1" ht="17.25" customHeight="1">
      <c r="A17" s="9" t="s">
        <v>20</v>
      </c>
      <c r="B17" s="15">
        <v>7356682</v>
      </c>
      <c r="C17" s="15">
        <v>0</v>
      </c>
      <c r="D17" s="15">
        <v>3184416</v>
      </c>
      <c r="E17" s="15">
        <v>1057003</v>
      </c>
      <c r="F17" s="15">
        <v>11598101</v>
      </c>
      <c r="G17" s="8"/>
    </row>
    <row r="18" spans="1:7" s="10" customFormat="1" ht="17.25" customHeight="1">
      <c r="A18" s="9" t="s">
        <v>37</v>
      </c>
      <c r="B18" s="15">
        <v>21063118</v>
      </c>
      <c r="C18" s="15">
        <v>0</v>
      </c>
      <c r="D18" s="15">
        <v>21653143</v>
      </c>
      <c r="E18" s="15">
        <v>0</v>
      </c>
      <c r="F18" s="15">
        <v>42716261</v>
      </c>
      <c r="G18" s="8"/>
    </row>
    <row r="19" spans="1:7" s="10" customFormat="1" ht="17.25" customHeight="1">
      <c r="A19" s="9" t="s">
        <v>21</v>
      </c>
      <c r="B19" s="15">
        <v>1514107</v>
      </c>
      <c r="C19" s="15">
        <v>0</v>
      </c>
      <c r="D19" s="15">
        <v>13636117</v>
      </c>
      <c r="E19" s="15">
        <v>0</v>
      </c>
      <c r="F19" s="15">
        <v>15150224</v>
      </c>
      <c r="G19" s="8"/>
    </row>
    <row r="20" spans="1:7" s="10" customFormat="1" ht="17.25" customHeight="1">
      <c r="A20" s="9" t="s">
        <v>22</v>
      </c>
      <c r="B20" s="15">
        <v>1529569</v>
      </c>
      <c r="C20" s="15">
        <v>0</v>
      </c>
      <c r="D20" s="15">
        <v>7797411</v>
      </c>
      <c r="E20" s="15">
        <v>0</v>
      </c>
      <c r="F20" s="15">
        <v>9326980</v>
      </c>
      <c r="G20" s="8"/>
    </row>
    <row r="21" spans="1:7" s="10" customFormat="1" ht="17.25" customHeight="1">
      <c r="A21" s="9" t="s">
        <v>23</v>
      </c>
      <c r="B21" s="15">
        <v>2690463</v>
      </c>
      <c r="C21" s="15">
        <v>0</v>
      </c>
      <c r="D21" s="15">
        <v>9443046</v>
      </c>
      <c r="E21" s="15">
        <v>0</v>
      </c>
      <c r="F21" s="15">
        <v>12133509</v>
      </c>
      <c r="G21" s="8"/>
    </row>
    <row r="22" spans="1:7" s="10" customFormat="1" ht="17.25" customHeight="1">
      <c r="A22" s="9" t="s">
        <v>24</v>
      </c>
      <c r="B22" s="15">
        <v>0</v>
      </c>
      <c r="C22" s="15">
        <v>0</v>
      </c>
      <c r="D22" s="15">
        <v>10757188</v>
      </c>
      <c r="E22" s="15">
        <v>0</v>
      </c>
      <c r="F22" s="15">
        <v>10757188</v>
      </c>
      <c r="G22" s="8"/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1405347</v>
      </c>
      <c r="E23" s="15">
        <v>0</v>
      </c>
      <c r="F23" s="15">
        <v>1405347</v>
      </c>
      <c r="G23" s="8"/>
    </row>
    <row r="24" spans="1:7" ht="17.25" customHeight="1">
      <c r="A24" s="18" t="s">
        <v>38</v>
      </c>
      <c r="B24" s="19">
        <v>333058</v>
      </c>
      <c r="C24" s="19">
        <v>0</v>
      </c>
      <c r="D24" s="19">
        <v>3545530</v>
      </c>
      <c r="E24" s="19">
        <v>0</v>
      </c>
      <c r="F24" s="15">
        <v>3878588</v>
      </c>
    </row>
    <row r="25" spans="1:7" ht="17.25" customHeight="1">
      <c r="A25" s="9" t="s">
        <v>26</v>
      </c>
      <c r="B25" s="15">
        <v>275762</v>
      </c>
      <c r="C25" s="15">
        <v>0</v>
      </c>
      <c r="D25" s="15">
        <v>294937</v>
      </c>
      <c r="E25" s="15">
        <v>0</v>
      </c>
      <c r="F25" s="15">
        <v>570699</v>
      </c>
    </row>
    <row r="26" spans="1:7" s="10" customFormat="1" ht="17.25" customHeight="1">
      <c r="A26" s="9" t="s">
        <v>27</v>
      </c>
      <c r="B26" s="15">
        <v>3203667</v>
      </c>
      <c r="C26" s="15">
        <v>0</v>
      </c>
      <c r="D26" s="15">
        <v>6425734</v>
      </c>
      <c r="E26" s="15">
        <v>0</v>
      </c>
      <c r="F26" s="15">
        <v>9629401</v>
      </c>
      <c r="G26" s="8"/>
    </row>
    <row r="27" spans="1:7" s="10" customFormat="1" ht="17.25" customHeight="1">
      <c r="A27" s="9" t="s">
        <v>39</v>
      </c>
      <c r="B27" s="15">
        <v>685711</v>
      </c>
      <c r="C27" s="15">
        <v>0</v>
      </c>
      <c r="D27" s="15">
        <v>5388698</v>
      </c>
      <c r="E27" s="15">
        <v>0</v>
      </c>
      <c r="F27" s="15">
        <v>6074409</v>
      </c>
      <c r="G27" s="8"/>
    </row>
    <row r="28" spans="1:7" s="10" customFormat="1" ht="17.25" customHeight="1">
      <c r="A28" s="9" t="s">
        <v>40</v>
      </c>
      <c r="B28" s="15">
        <v>0</v>
      </c>
      <c r="C28" s="15">
        <v>0</v>
      </c>
      <c r="D28" s="15">
        <v>4531615</v>
      </c>
      <c r="E28" s="15">
        <v>0</v>
      </c>
      <c r="F28" s="15">
        <v>4531615</v>
      </c>
      <c r="G28" s="8"/>
    </row>
    <row r="29" spans="1:7" s="10" customFormat="1" ht="17.25" customHeight="1">
      <c r="A29" s="9" t="s">
        <v>41</v>
      </c>
      <c r="B29" s="15">
        <v>0</v>
      </c>
      <c r="C29" s="15">
        <v>0</v>
      </c>
      <c r="D29" s="15">
        <v>65214</v>
      </c>
      <c r="E29" s="15">
        <v>0</v>
      </c>
      <c r="F29" s="15">
        <v>65214</v>
      </c>
      <c r="G29" s="8"/>
    </row>
    <row r="30" spans="1:7" s="10" customFormat="1" ht="17.25" customHeight="1">
      <c r="A30" s="9" t="s">
        <v>42</v>
      </c>
      <c r="B30" s="15">
        <v>0</v>
      </c>
      <c r="C30" s="15">
        <v>0</v>
      </c>
      <c r="D30" s="15">
        <v>88965</v>
      </c>
      <c r="E30" s="15">
        <v>0</v>
      </c>
      <c r="F30" s="15">
        <v>88965</v>
      </c>
      <c r="G30" s="8"/>
    </row>
    <row r="31" spans="1:7" s="10" customFormat="1" ht="17.25" customHeight="1">
      <c r="A31" s="9" t="s">
        <v>43</v>
      </c>
      <c r="B31" s="15">
        <v>345814</v>
      </c>
      <c r="C31" s="15">
        <v>0</v>
      </c>
      <c r="D31" s="15">
        <v>169920</v>
      </c>
      <c r="E31" s="15">
        <v>0</v>
      </c>
      <c r="F31" s="15">
        <v>515734</v>
      </c>
      <c r="G31" s="8"/>
    </row>
    <row r="32" spans="1:7" s="10" customFormat="1" ht="17.25" customHeight="1">
      <c r="A32" s="9" t="s">
        <v>44</v>
      </c>
      <c r="B32" s="15">
        <v>1529595</v>
      </c>
      <c r="C32" s="15">
        <v>0</v>
      </c>
      <c r="D32" s="15">
        <v>250450</v>
      </c>
      <c r="E32" s="15">
        <v>0</v>
      </c>
      <c r="F32" s="15">
        <v>1780045</v>
      </c>
      <c r="G32" s="8"/>
    </row>
    <row r="33" spans="1:7" s="10" customFormat="1" ht="17.25" customHeight="1">
      <c r="A33" s="9" t="s">
        <v>45</v>
      </c>
      <c r="B33" s="15">
        <v>191898</v>
      </c>
      <c r="C33" s="15">
        <v>0</v>
      </c>
      <c r="D33" s="15">
        <v>973912</v>
      </c>
      <c r="E33" s="15">
        <v>0</v>
      </c>
      <c r="F33" s="15">
        <v>1165810</v>
      </c>
      <c r="G33" s="8"/>
    </row>
    <row r="34" spans="1:7" s="10" customFormat="1" ht="17.25" customHeight="1">
      <c r="A34" s="9" t="s">
        <v>46</v>
      </c>
      <c r="B34" s="15">
        <v>0</v>
      </c>
      <c r="C34" s="15">
        <v>0</v>
      </c>
      <c r="D34" s="15">
        <v>5341509</v>
      </c>
      <c r="E34" s="15">
        <v>0</v>
      </c>
      <c r="F34" s="15">
        <v>5341509</v>
      </c>
      <c r="G34" s="8"/>
    </row>
    <row r="35" spans="1:7" s="10" customFormat="1" ht="17.25" customHeight="1">
      <c r="A35" s="9" t="s">
        <v>47</v>
      </c>
      <c r="B35" s="15">
        <v>0</v>
      </c>
      <c r="C35" s="15">
        <v>0</v>
      </c>
      <c r="D35" s="15">
        <v>501112</v>
      </c>
      <c r="E35" s="15">
        <v>0</v>
      </c>
      <c r="F35" s="15">
        <v>501112</v>
      </c>
      <c r="G35" s="8"/>
    </row>
    <row r="36" spans="1:7" s="10" customFormat="1" ht="17.25" customHeight="1">
      <c r="A36" s="9" t="s">
        <v>48</v>
      </c>
      <c r="B36" s="15">
        <v>336606</v>
      </c>
      <c r="C36" s="15">
        <v>0</v>
      </c>
      <c r="D36" s="15">
        <v>2078508</v>
      </c>
      <c r="E36" s="15">
        <v>0</v>
      </c>
      <c r="F36" s="15">
        <v>2415114</v>
      </c>
      <c r="G36" s="8"/>
    </row>
    <row r="37" spans="1:7" s="10" customFormat="1" ht="17.25" customHeight="1">
      <c r="A37" s="9" t="s">
        <v>49</v>
      </c>
      <c r="B37" s="15">
        <v>17171</v>
      </c>
      <c r="C37" s="15">
        <v>0</v>
      </c>
      <c r="D37" s="15">
        <v>0</v>
      </c>
      <c r="E37" s="15">
        <v>0</v>
      </c>
      <c r="F37" s="15">
        <v>17171</v>
      </c>
      <c r="G37" s="8"/>
    </row>
    <row r="38" spans="1:7" ht="17.25" customHeight="1">
      <c r="A38" s="11" t="s">
        <v>50</v>
      </c>
      <c r="B38" s="16">
        <v>0</v>
      </c>
      <c r="C38" s="16">
        <v>0</v>
      </c>
      <c r="D38" s="16">
        <v>2400</v>
      </c>
      <c r="E38" s="16">
        <v>0</v>
      </c>
      <c r="F38" s="15">
        <v>2400</v>
      </c>
    </row>
    <row r="39" spans="1:7" ht="17.25" customHeight="1">
      <c r="A39" s="12" t="s">
        <v>51</v>
      </c>
      <c r="B39" s="17">
        <v>747178268</v>
      </c>
      <c r="C39" s="17">
        <v>2350000</v>
      </c>
      <c r="D39" s="17">
        <v>395358576</v>
      </c>
      <c r="E39" s="17">
        <v>1092229</v>
      </c>
      <c r="F39" s="17">
        <v>1145979073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６）債務負担行為額（翌年度以降支出予定額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</vt:lpstr>
      <vt:lpstr>'16'!Print_Area</vt:lpstr>
      <vt:lpstr>'16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5-13T06:27:16Z</cp:lastPrinted>
  <dcterms:created xsi:type="dcterms:W3CDTF">2013-03-18T10:12:22Z</dcterms:created>
  <dcterms:modified xsi:type="dcterms:W3CDTF">2026-02-26T01:20:57Z</dcterms:modified>
</cp:coreProperties>
</file>